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5年度（2023）※今年度より名簿は年1回作成(事務削減のため）\20230331現在の宗教法人数\"/>
    </mc:Choice>
  </mc:AlternateContent>
  <bookViews>
    <workbookView xWindow="0" yWindow="0" windowWidth="23040" windowHeight="8592"/>
  </bookViews>
  <sheets>
    <sheet name="包括団体別 宗教法人数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3" uniqueCount="105">
  <si>
    <t>包括団体別 宗教法人数</t>
    <phoneticPr fontId="4"/>
  </si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諸教系</t>
    <rPh sb="0" eb="1">
      <t>ショ</t>
    </rPh>
    <rPh sb="1" eb="2">
      <t>キョウ</t>
    </rPh>
    <rPh sb="2" eb="3">
      <t>ケイ</t>
    </rPh>
    <phoneticPr fontId="4"/>
  </si>
  <si>
    <t>総計</t>
    <rPh sb="0" eb="2">
      <t>ソウケイ</t>
    </rPh>
    <phoneticPr fontId="4"/>
  </si>
  <si>
    <t>神社本庁</t>
  </si>
  <si>
    <t>神習教</t>
  </si>
  <si>
    <t>大山阿夫利神社本庁</t>
  </si>
  <si>
    <t>御嶽教</t>
  </si>
  <si>
    <t>神社神道系単立</t>
  </si>
  <si>
    <t>金光教</t>
  </si>
  <si>
    <t>神道大教</t>
  </si>
  <si>
    <t>天輪王明誠教団</t>
  </si>
  <si>
    <t>自然社</t>
  </si>
  <si>
    <t>心靈界教団</t>
  </si>
  <si>
    <t>神道修成派</t>
  </si>
  <si>
    <t>修養団捧誠会</t>
  </si>
  <si>
    <t>出雲大社教</t>
  </si>
  <si>
    <t>山蔭神道</t>
  </si>
  <si>
    <t>扶桑教</t>
  </si>
  <si>
    <t>教派神道系単立</t>
  </si>
  <si>
    <t>丸山教</t>
  </si>
  <si>
    <t>天台宗</t>
  </si>
  <si>
    <t>浄土真信宗浄光寺派</t>
  </si>
  <si>
    <t>天台寺門宗</t>
  </si>
  <si>
    <t>時宗</t>
  </si>
  <si>
    <t>天台真盛宗</t>
  </si>
  <si>
    <t>臨済宗妙心寺派</t>
  </si>
  <si>
    <t>本山修験宗</t>
  </si>
  <si>
    <t>臨済宗建長寺派</t>
  </si>
  <si>
    <t>金峯山修験本宗</t>
  </si>
  <si>
    <t>臨済宗円覚寺派</t>
  </si>
  <si>
    <t>高野山真言宗</t>
  </si>
  <si>
    <t>臨済宗南禅寺派</t>
  </si>
  <si>
    <t>真言宗醍醐派</t>
  </si>
  <si>
    <t>臨済宗大徳寺派</t>
  </si>
  <si>
    <t>真言宗東寺派</t>
  </si>
  <si>
    <t>曹洞宗</t>
  </si>
  <si>
    <t>東寺真言宗</t>
  </si>
  <si>
    <t>如来教</t>
  </si>
  <si>
    <t>真言宗泉涌寺派</t>
  </si>
  <si>
    <t>黄檗宗</t>
  </si>
  <si>
    <t>真言宗山階派</t>
  </si>
  <si>
    <t>日蓮宗</t>
  </si>
  <si>
    <t>真言宗御室派</t>
  </si>
  <si>
    <t>日蓮正宗</t>
  </si>
  <si>
    <t>真言宗大覚寺派</t>
  </si>
  <si>
    <t>法華宗(本門流)</t>
  </si>
  <si>
    <t>真言宗智山派</t>
  </si>
  <si>
    <t>法華宗(陣門流)</t>
  </si>
  <si>
    <t>真言宗豊山派</t>
  </si>
  <si>
    <t>法華眞宗</t>
  </si>
  <si>
    <t>新義真言宗</t>
  </si>
  <si>
    <t>大乗教</t>
  </si>
  <si>
    <t>真言三宝宗</t>
  </si>
  <si>
    <t>本門佛立宗</t>
  </si>
  <si>
    <t>真言宗大師派</t>
  </si>
  <si>
    <t>日本山妙法寺大僧伽</t>
  </si>
  <si>
    <t>浄土宗</t>
  </si>
  <si>
    <t>思親会</t>
  </si>
  <si>
    <t>浄土真宗本願寺派</t>
  </si>
  <si>
    <t>正信会</t>
  </si>
  <si>
    <t>真宗大谷派</t>
  </si>
  <si>
    <t>真言律宗</t>
  </si>
  <si>
    <t>真宗高田派</t>
  </si>
  <si>
    <t>華厳宗</t>
  </si>
  <si>
    <t>真宗佛光寺派</t>
  </si>
  <si>
    <t>仏教系単立</t>
  </si>
  <si>
    <t>真宗長生派</t>
  </si>
  <si>
    <t>日本ハリストス正教会教団</t>
  </si>
  <si>
    <t>日本アッセンブリーズ･オブ･ゴッド教団</t>
  </si>
  <si>
    <t>日本基督教団</t>
  </si>
  <si>
    <t>イエス之御霊教会教団</t>
  </si>
  <si>
    <t>日本福音ルーテル教会</t>
  </si>
  <si>
    <t>日本ナザレン教団</t>
  </si>
  <si>
    <t>日本ルーテル教団</t>
  </si>
  <si>
    <t>日本ホーリネス教団</t>
  </si>
  <si>
    <t>日本キリスト改革派教会</t>
  </si>
  <si>
    <t>基督兄弟団</t>
  </si>
  <si>
    <t>日本キリスト教会</t>
  </si>
  <si>
    <t>イムマヌエル綜合伝道団</t>
  </si>
  <si>
    <t>日本聖契キリスト教団</t>
  </si>
  <si>
    <t>日本イエス･キリスト教団</t>
  </si>
  <si>
    <t>在日大韓基督教会</t>
  </si>
  <si>
    <t>聖イエス会</t>
  </si>
  <si>
    <t>カンバーランド長老キリスト教会日本中会</t>
  </si>
  <si>
    <t>基督聖協団</t>
  </si>
  <si>
    <t>日本バプテスト連盟</t>
  </si>
  <si>
    <t>日本オープンバイブル教団</t>
  </si>
  <si>
    <t>日本バプテスト同盟</t>
  </si>
  <si>
    <t>日本長老教会</t>
  </si>
  <si>
    <t>ｾﾞ･ｴﾊﾞﾝｾﾞﾘｶﾙ･ｱﾗｲｱﾝｽ･ﾐｯｼｮﾝ(日本同盟基督教団)</t>
  </si>
  <si>
    <t>シオン･キリスト教団</t>
  </si>
  <si>
    <t>キリスト教系単立</t>
  </si>
  <si>
    <t>天理教</t>
  </si>
  <si>
    <t>普明会教団</t>
  </si>
  <si>
    <t>生長の家</t>
  </si>
  <si>
    <t>泰山教団</t>
  </si>
  <si>
    <t>真生会</t>
  </si>
  <si>
    <t>諸教系単立</t>
  </si>
  <si>
    <t>天照皇大神宮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9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61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 applyFill="1">
      <alignment vertical="center"/>
    </xf>
    <xf numFmtId="0" fontId="8" fillId="0" borderId="0" xfId="2" applyFont="1" applyFill="1" applyAlignment="1"/>
    <xf numFmtId="0" fontId="7" fillId="0" borderId="0" xfId="2" applyFont="1" applyFill="1">
      <alignment vertical="center"/>
    </xf>
    <xf numFmtId="0" fontId="6" fillId="0" borderId="2" xfId="2" applyFont="1" applyFill="1" applyBorder="1" applyAlignment="1">
      <alignment horizontal="center" vertical="center"/>
    </xf>
    <xf numFmtId="176" fontId="6" fillId="0" borderId="2" xfId="2" applyNumberFormat="1" applyFont="1" applyFill="1" applyBorder="1" applyAlignment="1">
      <alignment horizontal="center"/>
    </xf>
    <xf numFmtId="176" fontId="6" fillId="0" borderId="2" xfId="2" applyNumberFormat="1" applyFont="1" applyFill="1" applyBorder="1" applyAlignment="1">
      <alignment horizontal="center" vertical="center"/>
    </xf>
    <xf numFmtId="0" fontId="6" fillId="0" borderId="3" xfId="2" applyFont="1" applyFill="1" applyBorder="1">
      <alignment vertical="center"/>
    </xf>
    <xf numFmtId="176" fontId="6" fillId="0" borderId="3" xfId="2" applyNumberFormat="1" applyFont="1" applyFill="1" applyBorder="1" applyAlignment="1"/>
    <xf numFmtId="176" fontId="6" fillId="0" borderId="3" xfId="2" applyNumberFormat="1" applyFont="1" applyFill="1" applyBorder="1">
      <alignment vertical="center"/>
    </xf>
    <xf numFmtId="0" fontId="6" fillId="0" borderId="4" xfId="2" applyFont="1" applyFill="1" applyBorder="1">
      <alignment vertical="center"/>
    </xf>
    <xf numFmtId="176" fontId="6" fillId="0" borderId="4" xfId="2" applyNumberFormat="1" applyFont="1" applyFill="1" applyBorder="1" applyAlignment="1"/>
    <xf numFmtId="0" fontId="6" fillId="0" borderId="5" xfId="2" applyFont="1" applyFill="1" applyBorder="1">
      <alignment vertical="center"/>
    </xf>
    <xf numFmtId="176" fontId="6" fillId="0" borderId="5" xfId="2" applyNumberFormat="1" applyFont="1" applyFill="1" applyBorder="1">
      <alignment vertical="center"/>
    </xf>
    <xf numFmtId="176" fontId="6" fillId="0" borderId="4" xfId="2" applyNumberFormat="1" applyFont="1" applyFill="1" applyBorder="1">
      <alignment vertical="center"/>
    </xf>
    <xf numFmtId="0" fontId="6" fillId="0" borderId="6" xfId="2" applyFont="1" applyFill="1" applyBorder="1">
      <alignment vertical="center"/>
    </xf>
    <xf numFmtId="0" fontId="6" fillId="0" borderId="7" xfId="2" applyFont="1" applyFill="1" applyBorder="1">
      <alignment vertical="center"/>
    </xf>
    <xf numFmtId="176" fontId="6" fillId="0" borderId="7" xfId="2" applyNumberFormat="1" applyFont="1" applyFill="1" applyBorder="1" applyAlignment="1"/>
    <xf numFmtId="0" fontId="6" fillId="0" borderId="8" xfId="2" applyFont="1" applyFill="1" applyBorder="1">
      <alignment vertical="center"/>
    </xf>
    <xf numFmtId="176" fontId="6" fillId="0" borderId="8" xfId="2" applyNumberFormat="1" applyFont="1" applyFill="1" applyBorder="1">
      <alignment vertical="center"/>
    </xf>
    <xf numFmtId="0" fontId="6" fillId="0" borderId="9" xfId="2" applyFont="1" applyFill="1" applyBorder="1" applyAlignment="1">
      <alignment horizontal="left" vertical="center"/>
    </xf>
    <xf numFmtId="176" fontId="6" fillId="0" borderId="9" xfId="2" applyNumberFormat="1" applyFont="1" applyFill="1" applyBorder="1">
      <alignment vertical="center"/>
    </xf>
    <xf numFmtId="0" fontId="6" fillId="0" borderId="11" xfId="2" applyFont="1" applyFill="1" applyBorder="1" applyAlignment="1">
      <alignment horizontal="center" vertical="center"/>
    </xf>
    <xf numFmtId="176" fontId="6" fillId="0" borderId="11" xfId="2" applyNumberFormat="1" applyFont="1" applyFill="1" applyBorder="1" applyAlignment="1">
      <alignment horizontal="center"/>
    </xf>
    <xf numFmtId="176" fontId="6" fillId="0" borderId="11" xfId="2" applyNumberFormat="1" applyFont="1" applyFill="1" applyBorder="1" applyAlignment="1">
      <alignment horizontal="center" vertical="center"/>
    </xf>
    <xf numFmtId="176" fontId="6" fillId="0" borderId="5" xfId="2" applyNumberFormat="1" applyFont="1" applyFill="1" applyBorder="1" applyAlignment="1"/>
    <xf numFmtId="0" fontId="6" fillId="0" borderId="12" xfId="2" applyFont="1" applyFill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/>
    <xf numFmtId="0" fontId="6" fillId="0" borderId="9" xfId="2" applyFont="1" applyFill="1" applyBorder="1" applyAlignment="1">
      <alignment vertical="center"/>
    </xf>
    <xf numFmtId="0" fontId="6" fillId="0" borderId="15" xfId="2" applyFont="1" applyFill="1" applyBorder="1">
      <alignment vertical="center"/>
    </xf>
    <xf numFmtId="0" fontId="6" fillId="0" borderId="6" xfId="2" applyFont="1" applyFill="1" applyBorder="1" applyAlignment="1">
      <alignment horizontal="left" vertical="center" wrapText="1"/>
    </xf>
    <xf numFmtId="176" fontId="6" fillId="0" borderId="8" xfId="2" applyNumberFormat="1" applyFont="1" applyFill="1" applyBorder="1" applyAlignment="1"/>
    <xf numFmtId="176" fontId="6" fillId="0" borderId="11" xfId="2" applyNumberFormat="1" applyFont="1" applyFill="1" applyBorder="1" applyAlignment="1"/>
    <xf numFmtId="176" fontId="7" fillId="0" borderId="0" xfId="2" applyNumberFormat="1" applyFont="1" applyFill="1" applyAlignment="1"/>
    <xf numFmtId="0" fontId="6" fillId="0" borderId="2" xfId="2" applyFont="1" applyFill="1" applyBorder="1" applyAlignment="1">
      <alignment vertical="center"/>
    </xf>
    <xf numFmtId="176" fontId="6" fillId="0" borderId="2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  <xf numFmtId="0" fontId="6" fillId="0" borderId="16" xfId="2" applyFont="1" applyFill="1" applyBorder="1" applyAlignment="1">
      <alignment vertical="center"/>
    </xf>
    <xf numFmtId="0" fontId="6" fillId="0" borderId="17" xfId="2" applyFont="1" applyFill="1" applyBorder="1" applyAlignment="1"/>
    <xf numFmtId="176" fontId="6" fillId="0" borderId="18" xfId="2" applyNumberFormat="1" applyFont="1" applyFill="1" applyBorder="1">
      <alignment vertical="center"/>
    </xf>
    <xf numFmtId="0" fontId="6" fillId="0" borderId="0" xfId="2" applyFont="1" applyFill="1" applyBorder="1">
      <alignment vertical="center"/>
    </xf>
    <xf numFmtId="176" fontId="7" fillId="0" borderId="19" xfId="2" applyNumberFormat="1" applyFont="1" applyFill="1" applyBorder="1" applyAlignment="1"/>
    <xf numFmtId="0" fontId="6" fillId="0" borderId="20" xfId="2" applyFont="1" applyFill="1" applyBorder="1" applyAlignment="1">
      <alignment horizontal="left" vertical="center"/>
    </xf>
    <xf numFmtId="176" fontId="7" fillId="0" borderId="0" xfId="2" applyNumberFormat="1" applyFont="1" applyFill="1" applyBorder="1" applyAlignment="1"/>
    <xf numFmtId="0" fontId="7" fillId="0" borderId="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176" fontId="7" fillId="0" borderId="0" xfId="2" applyNumberFormat="1" applyFont="1" applyFill="1" applyBorder="1" applyAlignment="1">
      <alignment horizontal="center" vertical="center"/>
    </xf>
    <xf numFmtId="0" fontId="7" fillId="0" borderId="0" xfId="2" applyFont="1" applyFill="1" applyBorder="1" applyAlignment="1">
      <alignment horizontal="center" vertical="center"/>
    </xf>
    <xf numFmtId="0" fontId="7" fillId="0" borderId="10" xfId="2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0" fontId="7" fillId="0" borderId="1" xfId="2" applyFont="1" applyFill="1" applyBorder="1" applyAlignment="1">
      <alignment vertical="center"/>
    </xf>
    <xf numFmtId="0" fontId="7" fillId="0" borderId="10" xfId="2" applyFont="1" applyFill="1" applyBorder="1" applyAlignment="1">
      <alignment vertical="center"/>
    </xf>
    <xf numFmtId="0" fontId="6" fillId="0" borderId="8" xfId="2" applyFont="1" applyFill="1" applyBorder="1" applyAlignment="1">
      <alignment horizontal="left" vertical="center" wrapText="1"/>
    </xf>
    <xf numFmtId="0" fontId="6" fillId="0" borderId="11" xfId="2" applyFont="1" applyFill="1" applyBorder="1" applyAlignment="1">
      <alignment horizontal="left" vertical="center" wrapText="1"/>
    </xf>
  </cellXfs>
  <cellStyles count="3">
    <cellStyle name="桁区切り 2" xfId="1"/>
    <cellStyle name="標準" xfId="0" builtinId="0"/>
    <cellStyle name="標準_７包括団体別宗教法人数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E119"/>
  <sheetViews>
    <sheetView tabSelected="1" zoomScaleNormal="100" zoomScaleSheetLayoutView="100" workbookViewId="0"/>
  </sheetViews>
  <sheetFormatPr defaultColWidth="9" defaultRowHeight="14.4"/>
  <cols>
    <col min="1" max="1" width="36" style="9" customWidth="1"/>
    <col min="2" max="2" width="7" style="40" customWidth="1"/>
    <col min="3" max="3" width="34" style="9" customWidth="1"/>
    <col min="4" max="4" width="7" style="43" customWidth="1"/>
    <col min="5" max="16384" width="9" style="9"/>
  </cols>
  <sheetData>
    <row r="1" spans="1:83" s="6" customFormat="1" ht="23.25" customHeight="1">
      <c r="A1" s="1" t="s">
        <v>0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>
      <c r="B2" s="8"/>
    </row>
    <row r="3" spans="1:83" ht="23.25" customHeight="1">
      <c r="A3" s="56" t="s">
        <v>1</v>
      </c>
      <c r="B3" s="57"/>
      <c r="C3" s="57"/>
      <c r="D3" s="57"/>
    </row>
    <row r="4" spans="1:83" s="7" customFormat="1" ht="18" customHeight="1">
      <c r="A4" s="10" t="s">
        <v>2</v>
      </c>
      <c r="B4" s="11" t="s">
        <v>3</v>
      </c>
      <c r="C4" s="10" t="s">
        <v>2</v>
      </c>
      <c r="D4" s="12" t="s">
        <v>3</v>
      </c>
    </row>
    <row r="5" spans="1:83" s="7" customFormat="1" ht="18" customHeight="1">
      <c r="A5" s="13" t="s">
        <v>9</v>
      </c>
      <c r="B5" s="14">
        <v>1117</v>
      </c>
      <c r="C5" s="13" t="s">
        <v>10</v>
      </c>
      <c r="D5" s="15">
        <v>7</v>
      </c>
    </row>
    <row r="6" spans="1:83" s="7" customFormat="1" ht="18" customHeight="1">
      <c r="A6" s="16" t="s">
        <v>11</v>
      </c>
      <c r="B6" s="17">
        <v>50</v>
      </c>
      <c r="C6" s="18" t="s">
        <v>12</v>
      </c>
      <c r="D6" s="19">
        <v>3</v>
      </c>
    </row>
    <row r="7" spans="1:83" s="7" customFormat="1" ht="18" customHeight="1">
      <c r="A7" s="16" t="s">
        <v>13</v>
      </c>
      <c r="B7" s="17">
        <v>14</v>
      </c>
      <c r="C7" s="16" t="s">
        <v>14</v>
      </c>
      <c r="D7" s="20">
        <v>14</v>
      </c>
    </row>
    <row r="8" spans="1:83" s="7" customFormat="1" ht="18" customHeight="1">
      <c r="A8" s="16" t="s">
        <v>15</v>
      </c>
      <c r="B8" s="17">
        <v>6</v>
      </c>
      <c r="C8" s="16" t="s">
        <v>16</v>
      </c>
      <c r="D8" s="20">
        <v>1</v>
      </c>
    </row>
    <row r="9" spans="1:83" s="7" customFormat="1" ht="18" customHeight="1">
      <c r="A9" s="16" t="s">
        <v>17</v>
      </c>
      <c r="B9" s="17">
        <v>2</v>
      </c>
      <c r="C9" s="16" t="s">
        <v>18</v>
      </c>
      <c r="D9" s="20">
        <v>1</v>
      </c>
    </row>
    <row r="10" spans="1:83" s="7" customFormat="1" ht="18" customHeight="1">
      <c r="A10" s="16" t="s">
        <v>19</v>
      </c>
      <c r="B10" s="17">
        <v>1</v>
      </c>
      <c r="C10" s="21" t="s">
        <v>20</v>
      </c>
      <c r="D10" s="20">
        <v>1</v>
      </c>
    </row>
    <row r="11" spans="1:83" s="7" customFormat="1" ht="18" customHeight="1">
      <c r="A11" s="16" t="s">
        <v>21</v>
      </c>
      <c r="B11" s="17">
        <v>2</v>
      </c>
      <c r="C11" s="16" t="s">
        <v>22</v>
      </c>
      <c r="D11" s="20">
        <v>1</v>
      </c>
    </row>
    <row r="12" spans="1:83" s="7" customFormat="1" ht="18" customHeight="1">
      <c r="A12" s="16" t="s">
        <v>23</v>
      </c>
      <c r="B12" s="17">
        <v>3</v>
      </c>
      <c r="C12" s="16" t="s">
        <v>24</v>
      </c>
      <c r="D12" s="20">
        <v>6</v>
      </c>
    </row>
    <row r="13" spans="1:83" s="7" customFormat="1" ht="18" customHeight="1">
      <c r="A13" s="22" t="s">
        <v>25</v>
      </c>
      <c r="B13" s="23">
        <v>4</v>
      </c>
      <c r="C13" s="24"/>
      <c r="D13" s="25"/>
    </row>
    <row r="14" spans="1:83" s="7" customFormat="1" ht="16.5" customHeight="1">
      <c r="B14" s="8"/>
      <c r="C14" s="26" t="s">
        <v>4</v>
      </c>
      <c r="D14" s="27">
        <v>1233</v>
      </c>
    </row>
    <row r="15" spans="1:83" s="7" customFormat="1" ht="16.5" customHeight="1">
      <c r="B15" s="8"/>
    </row>
    <row r="16" spans="1:83" s="7" customFormat="1" ht="23.55" customHeight="1">
      <c r="A16" s="55" t="s">
        <v>5</v>
      </c>
      <c r="B16" s="58"/>
      <c r="C16" s="58"/>
      <c r="D16" s="58"/>
    </row>
    <row r="17" spans="1:4" s="7" customFormat="1" ht="18" customHeight="1">
      <c r="A17" s="28" t="s">
        <v>2</v>
      </c>
      <c r="B17" s="29" t="s">
        <v>3</v>
      </c>
      <c r="C17" s="28" t="s">
        <v>2</v>
      </c>
      <c r="D17" s="30" t="s">
        <v>3</v>
      </c>
    </row>
    <row r="18" spans="1:4" s="7" customFormat="1" ht="18" customHeight="1">
      <c r="A18" s="13" t="s">
        <v>26</v>
      </c>
      <c r="B18" s="17">
        <v>94</v>
      </c>
      <c r="C18" s="16" t="s">
        <v>27</v>
      </c>
      <c r="D18" s="20">
        <v>1</v>
      </c>
    </row>
    <row r="19" spans="1:4" s="7" customFormat="1" ht="18" customHeight="1">
      <c r="A19" s="16" t="s">
        <v>28</v>
      </c>
      <c r="B19" s="17">
        <v>2</v>
      </c>
      <c r="C19" s="16" t="s">
        <v>29</v>
      </c>
      <c r="D19" s="20">
        <v>26</v>
      </c>
    </row>
    <row r="20" spans="1:4" s="7" customFormat="1" ht="18" customHeight="1">
      <c r="A20" s="16" t="s">
        <v>30</v>
      </c>
      <c r="B20" s="17">
        <v>1</v>
      </c>
      <c r="C20" s="16" t="s">
        <v>31</v>
      </c>
      <c r="D20" s="20">
        <v>5</v>
      </c>
    </row>
    <row r="21" spans="1:4" s="7" customFormat="1" ht="18" customHeight="1">
      <c r="A21" s="16" t="s">
        <v>32</v>
      </c>
      <c r="B21" s="17">
        <v>1</v>
      </c>
      <c r="C21" s="16" t="s">
        <v>33</v>
      </c>
      <c r="D21" s="20">
        <v>123</v>
      </c>
    </row>
    <row r="22" spans="1:4" s="7" customFormat="1" ht="18" customHeight="1">
      <c r="A22" s="16" t="s">
        <v>34</v>
      </c>
      <c r="B22" s="17">
        <v>2</v>
      </c>
      <c r="C22" s="16" t="s">
        <v>35</v>
      </c>
      <c r="D22" s="20">
        <v>63</v>
      </c>
    </row>
    <row r="23" spans="1:4" s="7" customFormat="1" ht="18" customHeight="1">
      <c r="A23" s="16" t="s">
        <v>36</v>
      </c>
      <c r="B23" s="17">
        <v>188</v>
      </c>
      <c r="C23" s="16" t="s">
        <v>37</v>
      </c>
      <c r="D23" s="20">
        <v>3</v>
      </c>
    </row>
    <row r="24" spans="1:4" s="7" customFormat="1" ht="18" customHeight="1">
      <c r="A24" s="16" t="s">
        <v>38</v>
      </c>
      <c r="B24" s="17">
        <v>4</v>
      </c>
      <c r="C24" s="24" t="s">
        <v>39</v>
      </c>
      <c r="D24" s="25">
        <v>9</v>
      </c>
    </row>
    <row r="25" spans="1:4" s="7" customFormat="1" ht="18" customHeight="1">
      <c r="A25" s="16" t="s">
        <v>40</v>
      </c>
      <c r="B25" s="17">
        <v>25</v>
      </c>
      <c r="C25" s="21" t="s">
        <v>41</v>
      </c>
      <c r="D25" s="20">
        <v>384</v>
      </c>
    </row>
    <row r="26" spans="1:4" s="7" customFormat="1" ht="18" customHeight="1">
      <c r="A26" s="16" t="s">
        <v>42</v>
      </c>
      <c r="B26" s="17">
        <v>38</v>
      </c>
      <c r="C26" s="21" t="s">
        <v>43</v>
      </c>
      <c r="D26" s="20">
        <v>1</v>
      </c>
    </row>
    <row r="27" spans="1:4" s="7" customFormat="1" ht="18" customHeight="1">
      <c r="A27" s="16" t="s">
        <v>44</v>
      </c>
      <c r="B27" s="17">
        <v>3</v>
      </c>
      <c r="C27" s="21" t="s">
        <v>45</v>
      </c>
      <c r="D27" s="20">
        <v>5</v>
      </c>
    </row>
    <row r="28" spans="1:4" s="7" customFormat="1" ht="18" customHeight="1">
      <c r="A28" s="16" t="s">
        <v>46</v>
      </c>
      <c r="B28" s="17">
        <v>2</v>
      </c>
      <c r="C28" s="21" t="s">
        <v>47</v>
      </c>
      <c r="D28" s="20">
        <v>284</v>
      </c>
    </row>
    <row r="29" spans="1:4" s="7" customFormat="1" ht="18" customHeight="1">
      <c r="A29" s="16" t="s">
        <v>48</v>
      </c>
      <c r="B29" s="17">
        <v>13</v>
      </c>
      <c r="C29" s="21" t="s">
        <v>49</v>
      </c>
      <c r="D29" s="20">
        <v>16</v>
      </c>
    </row>
    <row r="30" spans="1:4" s="7" customFormat="1" ht="18" customHeight="1">
      <c r="A30" s="16" t="s">
        <v>50</v>
      </c>
      <c r="B30" s="17">
        <v>25</v>
      </c>
      <c r="C30" s="21" t="s">
        <v>51</v>
      </c>
      <c r="D30" s="20">
        <v>15</v>
      </c>
    </row>
    <row r="31" spans="1:4" s="7" customFormat="1" ht="18" customHeight="1">
      <c r="A31" s="16" t="s">
        <v>52</v>
      </c>
      <c r="B31" s="17">
        <v>42</v>
      </c>
      <c r="C31" s="21" t="s">
        <v>53</v>
      </c>
      <c r="D31" s="20">
        <v>3</v>
      </c>
    </row>
    <row r="32" spans="1:4" s="7" customFormat="1" ht="18" customHeight="1">
      <c r="A32" s="16" t="s">
        <v>54</v>
      </c>
      <c r="B32" s="17">
        <v>21</v>
      </c>
      <c r="C32" s="21" t="s">
        <v>55</v>
      </c>
      <c r="D32" s="20">
        <v>2</v>
      </c>
    </row>
    <row r="33" spans="1:83" s="7" customFormat="1" ht="18" customHeight="1">
      <c r="A33" s="16" t="s">
        <v>56</v>
      </c>
      <c r="B33" s="17">
        <v>1</v>
      </c>
      <c r="C33" s="21" t="s">
        <v>57</v>
      </c>
      <c r="D33" s="20">
        <v>2</v>
      </c>
    </row>
    <row r="34" spans="1:83" s="7" customFormat="1" ht="18" customHeight="1">
      <c r="A34" s="16" t="s">
        <v>58</v>
      </c>
      <c r="B34" s="17">
        <v>1</v>
      </c>
      <c r="C34" s="21" t="s">
        <v>59</v>
      </c>
      <c r="D34" s="20">
        <v>14</v>
      </c>
    </row>
    <row r="35" spans="1:83" s="7" customFormat="1" ht="18" customHeight="1">
      <c r="A35" s="16" t="s">
        <v>60</v>
      </c>
      <c r="B35" s="17">
        <v>4</v>
      </c>
      <c r="C35" s="21" t="s">
        <v>61</v>
      </c>
      <c r="D35" s="20">
        <v>7</v>
      </c>
    </row>
    <row r="36" spans="1:83" s="7" customFormat="1" ht="18" customHeight="1">
      <c r="A36" s="16" t="s">
        <v>62</v>
      </c>
      <c r="B36" s="17">
        <v>263</v>
      </c>
      <c r="C36" s="21" t="s">
        <v>63</v>
      </c>
      <c r="D36" s="20">
        <v>1</v>
      </c>
    </row>
    <row r="37" spans="1:83" s="7" customFormat="1" ht="18" customHeight="1">
      <c r="A37" s="16" t="s">
        <v>64</v>
      </c>
      <c r="B37" s="17">
        <v>75</v>
      </c>
      <c r="C37" s="21" t="s">
        <v>65</v>
      </c>
      <c r="D37" s="20">
        <v>1</v>
      </c>
    </row>
    <row r="38" spans="1:83" s="7" customFormat="1" ht="18" customHeight="1">
      <c r="A38" s="16" t="s">
        <v>66</v>
      </c>
      <c r="B38" s="17">
        <v>57</v>
      </c>
      <c r="C38" s="21" t="s">
        <v>67</v>
      </c>
      <c r="D38" s="20">
        <v>4</v>
      </c>
    </row>
    <row r="39" spans="1:83" s="7" customFormat="1" ht="18" customHeight="1">
      <c r="A39" s="16" t="s">
        <v>68</v>
      </c>
      <c r="B39" s="17">
        <v>6</v>
      </c>
      <c r="C39" s="21" t="s">
        <v>69</v>
      </c>
      <c r="D39" s="20">
        <v>1</v>
      </c>
    </row>
    <row r="40" spans="1:83" s="7" customFormat="1" ht="18" customHeight="1">
      <c r="A40" s="16" t="s">
        <v>70</v>
      </c>
      <c r="B40" s="17">
        <v>2</v>
      </c>
      <c r="C40" s="21" t="s">
        <v>71</v>
      </c>
      <c r="D40" s="20">
        <v>81</v>
      </c>
    </row>
    <row r="41" spans="1:83" s="7" customFormat="1" ht="18" customHeight="1">
      <c r="A41" s="18" t="s">
        <v>72</v>
      </c>
      <c r="B41" s="31">
        <v>1</v>
      </c>
      <c r="C41" s="32"/>
      <c r="D41" s="25"/>
    </row>
    <row r="42" spans="1:83" s="7" customFormat="1" ht="18" customHeight="1">
      <c r="A42" s="33"/>
      <c r="B42" s="34"/>
      <c r="C42" s="35" t="s">
        <v>4</v>
      </c>
      <c r="D42" s="27">
        <v>1922</v>
      </c>
    </row>
    <row r="43" spans="1:83" s="7" customFormat="1" ht="16.5" customHeight="1">
      <c r="B43" s="8"/>
    </row>
    <row r="44" spans="1:83" s="6" customFormat="1" ht="23.25" customHeight="1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>
      <c r="B45" s="8"/>
    </row>
    <row r="46" spans="1:83" s="7" customFormat="1" ht="16.5" customHeight="1">
      <c r="B46" s="8"/>
    </row>
    <row r="47" spans="1:83" s="7" customFormat="1" ht="23.55" customHeight="1">
      <c r="A47" s="56" t="s">
        <v>6</v>
      </c>
      <c r="B47" s="57"/>
      <c r="C47" s="57"/>
      <c r="D47" s="57"/>
    </row>
    <row r="48" spans="1:83" ht="18" customHeight="1">
      <c r="A48" s="10" t="s">
        <v>2</v>
      </c>
      <c r="B48" s="11" t="s">
        <v>3</v>
      </c>
      <c r="C48" s="10" t="s">
        <v>2</v>
      </c>
      <c r="D48" s="12" t="s">
        <v>3</v>
      </c>
    </row>
    <row r="49" spans="1:4" ht="18" customHeight="1">
      <c r="A49" s="36" t="s">
        <v>73</v>
      </c>
      <c r="B49" s="31">
        <v>2</v>
      </c>
      <c r="C49" s="21" t="s">
        <v>74</v>
      </c>
      <c r="D49" s="20">
        <v>7</v>
      </c>
    </row>
    <row r="50" spans="1:4" ht="18" customHeight="1">
      <c r="A50" s="21" t="s">
        <v>75</v>
      </c>
      <c r="B50" s="17">
        <v>82</v>
      </c>
      <c r="C50" s="21" t="s">
        <v>76</v>
      </c>
      <c r="D50" s="20">
        <v>2</v>
      </c>
    </row>
    <row r="51" spans="1:4" ht="18" customHeight="1">
      <c r="A51" s="21" t="s">
        <v>77</v>
      </c>
      <c r="B51" s="17">
        <v>1</v>
      </c>
      <c r="C51" s="21" t="s">
        <v>78</v>
      </c>
      <c r="D51" s="20">
        <v>1</v>
      </c>
    </row>
    <row r="52" spans="1:4" ht="18" customHeight="1">
      <c r="A52" s="21" t="s">
        <v>79</v>
      </c>
      <c r="B52" s="17">
        <v>3</v>
      </c>
      <c r="C52" s="21" t="s">
        <v>80</v>
      </c>
      <c r="D52" s="20">
        <v>11</v>
      </c>
    </row>
    <row r="53" spans="1:4" ht="18" customHeight="1">
      <c r="A53" s="32" t="s">
        <v>81</v>
      </c>
      <c r="B53" s="17">
        <v>3</v>
      </c>
      <c r="C53" s="21" t="s">
        <v>82</v>
      </c>
      <c r="D53" s="20">
        <v>1</v>
      </c>
    </row>
    <row r="54" spans="1:4" ht="18" customHeight="1">
      <c r="A54" s="21" t="s">
        <v>83</v>
      </c>
      <c r="B54" s="31">
        <v>9</v>
      </c>
      <c r="C54" s="21" t="s">
        <v>84</v>
      </c>
      <c r="D54" s="20">
        <v>2</v>
      </c>
    </row>
    <row r="55" spans="1:4" ht="18" customHeight="1">
      <c r="A55" s="21" t="s">
        <v>85</v>
      </c>
      <c r="B55" s="17">
        <v>2</v>
      </c>
      <c r="C55" s="21" t="s">
        <v>86</v>
      </c>
      <c r="D55" s="20">
        <v>1</v>
      </c>
    </row>
    <row r="56" spans="1:4" ht="18" customHeight="1">
      <c r="A56" s="21" t="s">
        <v>87</v>
      </c>
      <c r="B56" s="17">
        <v>3</v>
      </c>
      <c r="C56" s="21" t="s">
        <v>88</v>
      </c>
      <c r="D56" s="20">
        <v>4</v>
      </c>
    </row>
    <row r="57" spans="1:4" ht="18" customHeight="1">
      <c r="A57" s="37" t="s">
        <v>89</v>
      </c>
      <c r="B57" s="17">
        <v>4</v>
      </c>
      <c r="C57" s="21" t="s">
        <v>90</v>
      </c>
      <c r="D57" s="20">
        <v>1</v>
      </c>
    </row>
    <row r="58" spans="1:4" ht="18" customHeight="1">
      <c r="A58" s="21" t="s">
        <v>91</v>
      </c>
      <c r="B58" s="17">
        <v>7</v>
      </c>
      <c r="C58" s="21" t="s">
        <v>92</v>
      </c>
      <c r="D58" s="20">
        <v>1</v>
      </c>
    </row>
    <row r="59" spans="1:4" ht="18" customHeight="1">
      <c r="A59" s="21" t="s">
        <v>93</v>
      </c>
      <c r="B59" s="17">
        <v>8</v>
      </c>
      <c r="C59" s="21" t="s">
        <v>94</v>
      </c>
      <c r="D59" s="20">
        <v>2</v>
      </c>
    </row>
    <row r="60" spans="1:4" ht="18" customHeight="1">
      <c r="A60" s="59" t="s">
        <v>95</v>
      </c>
      <c r="B60" s="38">
        <v>7</v>
      </c>
      <c r="C60" s="21" t="s">
        <v>96</v>
      </c>
      <c r="D60" s="20">
        <v>1</v>
      </c>
    </row>
    <row r="61" spans="1:4" ht="18" customHeight="1">
      <c r="A61" s="60" t="s">
        <v>74</v>
      </c>
      <c r="B61" s="39"/>
      <c r="C61" s="32" t="s">
        <v>97</v>
      </c>
      <c r="D61" s="25">
        <v>112</v>
      </c>
    </row>
    <row r="62" spans="1:4" ht="16.5" customHeight="1">
      <c r="C62" s="41" t="s">
        <v>4</v>
      </c>
      <c r="D62" s="42">
        <v>277</v>
      </c>
    </row>
    <row r="63" spans="1:4" ht="16.5" customHeight="1"/>
    <row r="64" spans="1:4" ht="23.55" customHeight="1">
      <c r="A64" s="56" t="s">
        <v>7</v>
      </c>
      <c r="B64" s="56"/>
      <c r="C64" s="56"/>
      <c r="D64" s="56"/>
    </row>
    <row r="65" spans="1:4" ht="18" customHeight="1">
      <c r="A65" s="10" t="s">
        <v>2</v>
      </c>
      <c r="B65" s="11" t="s">
        <v>3</v>
      </c>
      <c r="C65" s="10" t="s">
        <v>2</v>
      </c>
      <c r="D65" s="12" t="s">
        <v>3</v>
      </c>
    </row>
    <row r="66" spans="1:4" ht="18" customHeight="1">
      <c r="A66" s="36" t="s">
        <v>98</v>
      </c>
      <c r="B66" s="31">
        <v>296</v>
      </c>
      <c r="C66" s="32" t="s">
        <v>99</v>
      </c>
      <c r="D66" s="25">
        <v>1</v>
      </c>
    </row>
    <row r="67" spans="1:4" ht="18" customHeight="1">
      <c r="A67" s="21" t="s">
        <v>100</v>
      </c>
      <c r="B67" s="17">
        <v>1</v>
      </c>
      <c r="C67" s="21" t="s">
        <v>101</v>
      </c>
      <c r="D67" s="20">
        <v>1</v>
      </c>
    </row>
    <row r="68" spans="1:4" ht="18" customHeight="1">
      <c r="A68" s="21" t="s">
        <v>102</v>
      </c>
      <c r="B68" s="17">
        <v>1</v>
      </c>
      <c r="C68" s="21" t="s">
        <v>103</v>
      </c>
      <c r="D68" s="20">
        <v>9</v>
      </c>
    </row>
    <row r="69" spans="1:4" ht="18" customHeight="1">
      <c r="A69" s="21" t="s">
        <v>104</v>
      </c>
      <c r="B69" s="17">
        <v>1</v>
      </c>
      <c r="C69" s="21"/>
      <c r="D69" s="20"/>
    </row>
    <row r="70" spans="1:4" ht="18" customHeight="1">
      <c r="A70" s="44"/>
      <c r="B70" s="45"/>
      <c r="C70" s="41" t="s">
        <v>4</v>
      </c>
      <c r="D70" s="46">
        <v>310</v>
      </c>
    </row>
    <row r="71" spans="1:4" s="7" customFormat="1" ht="16.5" customHeight="1">
      <c r="B71" s="8"/>
      <c r="C71" s="9"/>
      <c r="D71" s="43"/>
    </row>
    <row r="72" spans="1:4" s="7" customFormat="1" ht="16.5" customHeight="1">
      <c r="B72" s="8"/>
      <c r="C72" s="9"/>
      <c r="D72" s="43"/>
    </row>
    <row r="73" spans="1:4" ht="16.5" customHeight="1">
      <c r="A73" s="53"/>
      <c r="B73" s="54"/>
      <c r="C73" s="55"/>
      <c r="D73" s="55"/>
    </row>
    <row r="74" spans="1:4" ht="18" customHeight="1">
      <c r="A74" s="47"/>
      <c r="B74" s="48"/>
      <c r="C74" s="49" t="s">
        <v>8</v>
      </c>
      <c r="D74" s="27">
        <v>3742</v>
      </c>
    </row>
    <row r="115" spans="2:7">
      <c r="B115" s="50"/>
      <c r="C115" s="51"/>
      <c r="D115" s="52"/>
      <c r="E115" s="51"/>
      <c r="F115" s="51"/>
      <c r="G115" s="51"/>
    </row>
    <row r="116" spans="2:7">
      <c r="B116" s="50"/>
      <c r="C116" s="51"/>
      <c r="D116" s="52"/>
      <c r="E116" s="51"/>
      <c r="F116" s="51"/>
      <c r="G116" s="51"/>
    </row>
    <row r="117" spans="2:7">
      <c r="B117" s="50"/>
      <c r="C117" s="51"/>
      <c r="D117" s="52"/>
      <c r="E117" s="51"/>
      <c r="F117" s="51"/>
      <c r="G117" s="51"/>
    </row>
    <row r="118" spans="2:7">
      <c r="B118" s="50"/>
      <c r="C118" s="51"/>
      <c r="D118" s="52"/>
      <c r="E118" s="51"/>
      <c r="F118" s="51"/>
      <c r="G118" s="51"/>
    </row>
    <row r="119" spans="2:7">
      <c r="B119" s="50"/>
      <c r="C119" s="51"/>
      <c r="D119" s="52"/>
      <c r="E119" s="51"/>
      <c r="F119" s="51"/>
      <c r="G119" s="51"/>
    </row>
  </sheetData>
  <mergeCells count="6">
    <mergeCell ref="A73:D73"/>
    <mergeCell ref="A3:D3"/>
    <mergeCell ref="A16:D16"/>
    <mergeCell ref="A47:D47"/>
    <mergeCell ref="A60:A61"/>
    <mergeCell ref="A64:D64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5年3月3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 宗教法人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16T01:42:39Z</cp:lastPrinted>
  <dcterms:created xsi:type="dcterms:W3CDTF">2023-05-15T23:50:31Z</dcterms:created>
  <dcterms:modified xsi:type="dcterms:W3CDTF">2023-05-16T01:42:42Z</dcterms:modified>
</cp:coreProperties>
</file>